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TRANSPORT\3. Usluga redovnog i vanrednog održavanja vozila\"/>
    </mc:Choice>
  </mc:AlternateContent>
  <xr:revisionPtr revIDLastSave="0" documentId="13_ncr:1_{BA25C985-0631-470C-BB13-F7D044B69F40}" xr6:coauthVersionLast="47" xr6:coauthVersionMax="47" xr10:uidLastSave="{00000000-0000-0000-0000-000000000000}"/>
  <bookViews>
    <workbookView xWindow="-108" yWindow="-108" windowWidth="23256" windowHeight="12456" xr2:uid="{BB53D845-38F2-4B02-B8DA-8C39A0CFC6A6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49" i="1" l="1"/>
  <c r="G33" i="1"/>
  <c r="G19" i="1"/>
</calcChain>
</file>

<file path=xl/sharedStrings.xml><?xml version="1.0" encoding="utf-8"?>
<sst xmlns="http://schemas.openxmlformats.org/spreadsheetml/2006/main" count="55" uniqueCount="34">
  <si>
    <t>Vozila:</t>
  </si>
  <si>
    <t>REDOVAN SERVIS(mali)</t>
  </si>
  <si>
    <t>RB</t>
  </si>
  <si>
    <t>USLUGA</t>
  </si>
  <si>
    <t>CENA</t>
  </si>
  <si>
    <t>KOLIČINA</t>
  </si>
  <si>
    <t>RABAT</t>
  </si>
  <si>
    <t>UKUPNO BEZ PDV-a</t>
  </si>
  <si>
    <t>ulje</t>
  </si>
  <si>
    <t>filter ulja</t>
  </si>
  <si>
    <t xml:space="preserve"> filter goriva</t>
  </si>
  <si>
    <t>filter vazduha</t>
  </si>
  <si>
    <t xml:space="preserve"> filter klime</t>
  </si>
  <si>
    <t xml:space="preserve"> predfilter goriva</t>
  </si>
  <si>
    <t>dijagnostika</t>
  </si>
  <si>
    <t>radni sat</t>
  </si>
  <si>
    <t>UKUPNO</t>
  </si>
  <si>
    <t>REDOVAN SERVIS(veliki)</t>
  </si>
  <si>
    <t>seta kaiševa sa špan.</t>
  </si>
  <si>
    <t>vodena pumpa</t>
  </si>
  <si>
    <t>OSTALI DELOVI</t>
  </si>
  <si>
    <t>DELOVI</t>
  </si>
  <si>
    <t>p.pločice</t>
  </si>
  <si>
    <t>z.pločice</t>
  </si>
  <si>
    <t>p.diskovi</t>
  </si>
  <si>
    <t>z.diskovi</t>
  </si>
  <si>
    <t>kočione cilindara</t>
  </si>
  <si>
    <t>ležaja točka sa glavčinom</t>
  </si>
  <si>
    <t>spone</t>
  </si>
  <si>
    <t>polusovine</t>
  </si>
  <si>
    <t>pr.amortizer</t>
  </si>
  <si>
    <t>z.amortizer</t>
  </si>
  <si>
    <t>seta kvačila</t>
  </si>
  <si>
    <t>Punjenje i servis kl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Din.&quot;"/>
    <numFmt numFmtId="165" formatCode="#,##0.0"/>
  </numFmts>
  <fonts count="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18">
    <xf numFmtId="0" fontId="0" fillId="0" borderId="0" xfId="0"/>
    <xf numFmtId="0" fontId="2" fillId="2" borderId="0" xfId="0" applyFont="1" applyFill="1"/>
    <xf numFmtId="0" fontId="2" fillId="0" borderId="0" xfId="0" applyFont="1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3" borderId="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 wrapText="1"/>
    </xf>
    <xf numFmtId="0" fontId="0" fillId="4" borderId="1" xfId="0" applyFill="1" applyBorder="1" applyAlignment="1">
      <alignment horizontal="center"/>
    </xf>
    <xf numFmtId="0" fontId="0" fillId="5" borderId="1" xfId="0" applyFill="1" applyBorder="1" applyAlignment="1">
      <alignment horizontal="center"/>
    </xf>
    <xf numFmtId="164" fontId="0" fillId="0" borderId="1" xfId="0" applyNumberFormat="1" applyBorder="1"/>
    <xf numFmtId="165" fontId="0" fillId="0" borderId="1" xfId="0" applyNumberFormat="1" applyBorder="1"/>
    <xf numFmtId="9" fontId="1" fillId="0" borderId="1" xfId="1" applyBorder="1"/>
    <xf numFmtId="164" fontId="0" fillId="5" borderId="1" xfId="0" applyNumberFormat="1" applyFill="1" applyBorder="1" applyAlignment="1">
      <alignment horizontal="center"/>
    </xf>
    <xf numFmtId="0" fontId="0" fillId="0" borderId="0" xfId="0" applyAlignment="1">
      <alignment horizontal="center"/>
    </xf>
    <xf numFmtId="164" fontId="0" fillId="0" borderId="0" xfId="0" applyNumberFormat="1" applyAlignment="1">
      <alignment horizontal="center"/>
    </xf>
    <xf numFmtId="0" fontId="2" fillId="0" borderId="0" xfId="0" applyFont="1" applyAlignment="1">
      <alignment horizontal="center"/>
    </xf>
    <xf numFmtId="0" fontId="0" fillId="0" borderId="0" xfId="0" applyAlignment="1">
      <alignment wrapText="1"/>
    </xf>
  </cellXfs>
  <cellStyles count="2"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C9A66A-CF76-48D8-B1DF-ADE395B6F22C}">
  <dimension ref="B2:G49"/>
  <sheetViews>
    <sheetView tabSelected="1" workbookViewId="0">
      <selection activeCell="F50" sqref="F50"/>
    </sheetView>
  </sheetViews>
  <sheetFormatPr defaultRowHeight="14.4" x14ac:dyDescent="0.3"/>
  <cols>
    <col min="2" max="2" width="23" bestFit="1" customWidth="1"/>
    <col min="3" max="3" width="23.44140625" bestFit="1" customWidth="1"/>
    <col min="4" max="4" width="9.44140625" customWidth="1"/>
    <col min="5" max="5" width="9.44140625" bestFit="1" customWidth="1"/>
    <col min="6" max="6" width="18.6640625" bestFit="1" customWidth="1"/>
    <col min="7" max="7" width="18.44140625" bestFit="1" customWidth="1"/>
  </cols>
  <sheetData>
    <row r="2" spans="2:7" x14ac:dyDescent="0.3">
      <c r="B2" s="1" t="s">
        <v>0</v>
      </c>
    </row>
    <row r="3" spans="2:7" x14ac:dyDescent="0.3">
      <c r="B3" s="1"/>
      <c r="C3" s="2"/>
    </row>
    <row r="4" spans="2:7" x14ac:dyDescent="0.3">
      <c r="C4" s="2"/>
    </row>
    <row r="5" spans="2:7" x14ac:dyDescent="0.3">
      <c r="C5" s="2"/>
    </row>
    <row r="6" spans="2:7" x14ac:dyDescent="0.3">
      <c r="C6" s="2"/>
    </row>
    <row r="7" spans="2:7" x14ac:dyDescent="0.3">
      <c r="C7" s="2"/>
    </row>
    <row r="8" spans="2:7" x14ac:dyDescent="0.3">
      <c r="C8" s="2"/>
    </row>
    <row r="9" spans="2:7" x14ac:dyDescent="0.3">
      <c r="B9" s="3" t="s">
        <v>1</v>
      </c>
      <c r="C9" s="4"/>
      <c r="D9" s="5"/>
      <c r="E9" s="5"/>
      <c r="F9" s="5"/>
      <c r="G9" s="4"/>
    </row>
    <row r="10" spans="2:7" x14ac:dyDescent="0.3">
      <c r="B10" s="6" t="s">
        <v>2</v>
      </c>
      <c r="C10" s="6" t="s">
        <v>3</v>
      </c>
      <c r="D10" s="7" t="s">
        <v>4</v>
      </c>
      <c r="E10" s="6" t="s">
        <v>5</v>
      </c>
      <c r="F10" s="7" t="s">
        <v>6</v>
      </c>
      <c r="G10" s="6" t="s">
        <v>7</v>
      </c>
    </row>
    <row r="11" spans="2:7" x14ac:dyDescent="0.3">
      <c r="B11" s="8">
        <v>1</v>
      </c>
      <c r="C11" s="9" t="s">
        <v>8</v>
      </c>
      <c r="D11" s="10"/>
      <c r="E11" s="11"/>
      <c r="F11" s="12">
        <v>0</v>
      </c>
      <c r="G11" s="13"/>
    </row>
    <row r="12" spans="2:7" x14ac:dyDescent="0.3">
      <c r="B12" s="8">
        <v>2</v>
      </c>
      <c r="C12" s="9" t="s">
        <v>9</v>
      </c>
      <c r="D12" s="10"/>
      <c r="E12" s="11"/>
      <c r="F12" s="12">
        <v>0</v>
      </c>
      <c r="G12" s="13"/>
    </row>
    <row r="13" spans="2:7" x14ac:dyDescent="0.3">
      <c r="B13" s="8">
        <v>3</v>
      </c>
      <c r="C13" s="9" t="s">
        <v>10</v>
      </c>
      <c r="D13" s="10"/>
      <c r="E13" s="11"/>
      <c r="F13" s="12">
        <v>0</v>
      </c>
      <c r="G13" s="13"/>
    </row>
    <row r="14" spans="2:7" x14ac:dyDescent="0.3">
      <c r="B14" s="8">
        <v>4</v>
      </c>
      <c r="C14" s="9" t="s">
        <v>11</v>
      </c>
      <c r="D14" s="10"/>
      <c r="E14" s="11"/>
      <c r="F14" s="12">
        <v>0</v>
      </c>
      <c r="G14" s="13"/>
    </row>
    <row r="15" spans="2:7" x14ac:dyDescent="0.3">
      <c r="B15" s="8">
        <v>5</v>
      </c>
      <c r="C15" s="9" t="s">
        <v>12</v>
      </c>
      <c r="D15" s="10"/>
      <c r="E15" s="11"/>
      <c r="F15" s="12">
        <v>0</v>
      </c>
      <c r="G15" s="13"/>
    </row>
    <row r="16" spans="2:7" x14ac:dyDescent="0.3">
      <c r="B16" s="8">
        <v>6</v>
      </c>
      <c r="C16" s="9" t="s">
        <v>13</v>
      </c>
      <c r="D16" s="10"/>
      <c r="E16" s="11"/>
      <c r="F16" s="12">
        <v>0</v>
      </c>
      <c r="G16" s="13"/>
    </row>
    <row r="17" spans="2:7" x14ac:dyDescent="0.3">
      <c r="B17" s="8">
        <v>7</v>
      </c>
      <c r="C17" s="9" t="s">
        <v>14</v>
      </c>
      <c r="D17" s="10"/>
      <c r="E17" s="11"/>
      <c r="F17" s="12">
        <v>0</v>
      </c>
      <c r="G17" s="13"/>
    </row>
    <row r="18" spans="2:7" x14ac:dyDescent="0.3">
      <c r="B18" s="8">
        <v>8</v>
      </c>
      <c r="C18" s="9" t="s">
        <v>15</v>
      </c>
      <c r="D18" s="10"/>
      <c r="E18" s="11"/>
      <c r="F18" s="12">
        <v>0</v>
      </c>
      <c r="G18" s="13"/>
    </row>
    <row r="19" spans="2:7" x14ac:dyDescent="0.3">
      <c r="B19" s="14"/>
      <c r="C19" s="14"/>
      <c r="F19" s="2" t="s">
        <v>16</v>
      </c>
      <c r="G19" s="15">
        <f>SUM(G11:G18)</f>
        <v>0</v>
      </c>
    </row>
    <row r="20" spans="2:7" x14ac:dyDescent="0.3">
      <c r="B20" s="14"/>
      <c r="C20" s="14"/>
      <c r="G20" s="14"/>
    </row>
    <row r="21" spans="2:7" x14ac:dyDescent="0.3">
      <c r="B21" s="3" t="s">
        <v>17</v>
      </c>
      <c r="C21" s="4"/>
      <c r="D21" s="5"/>
      <c r="E21" s="5"/>
      <c r="F21" s="5"/>
      <c r="G21" s="4"/>
    </row>
    <row r="22" spans="2:7" x14ac:dyDescent="0.3">
      <c r="B22" s="6" t="s">
        <v>2</v>
      </c>
      <c r="C22" s="6" t="s">
        <v>3</v>
      </c>
      <c r="D22" s="7" t="s">
        <v>4</v>
      </c>
      <c r="E22" s="6" t="s">
        <v>5</v>
      </c>
      <c r="F22" s="7" t="s">
        <v>6</v>
      </c>
      <c r="G22" s="6" t="s">
        <v>7</v>
      </c>
    </row>
    <row r="23" spans="2:7" x14ac:dyDescent="0.3">
      <c r="B23" s="8">
        <v>1</v>
      </c>
      <c r="C23" s="9" t="s">
        <v>8</v>
      </c>
      <c r="D23" s="10"/>
      <c r="E23" s="11"/>
      <c r="F23" s="12">
        <v>0</v>
      </c>
      <c r="G23" s="13"/>
    </row>
    <row r="24" spans="2:7" x14ac:dyDescent="0.3">
      <c r="B24" s="8">
        <v>2</v>
      </c>
      <c r="C24" s="9" t="s">
        <v>9</v>
      </c>
      <c r="D24" s="10"/>
      <c r="E24" s="11"/>
      <c r="F24" s="12">
        <v>0</v>
      </c>
      <c r="G24" s="13"/>
    </row>
    <row r="25" spans="2:7" x14ac:dyDescent="0.3">
      <c r="B25" s="8">
        <v>3</v>
      </c>
      <c r="C25" s="9" t="s">
        <v>10</v>
      </c>
      <c r="D25" s="10"/>
      <c r="E25" s="11"/>
      <c r="F25" s="12">
        <v>0</v>
      </c>
      <c r="G25" s="13"/>
    </row>
    <row r="26" spans="2:7" x14ac:dyDescent="0.3">
      <c r="B26" s="8">
        <v>4</v>
      </c>
      <c r="C26" s="9" t="s">
        <v>11</v>
      </c>
      <c r="D26" s="10"/>
      <c r="E26" s="11"/>
      <c r="F26" s="12">
        <v>0</v>
      </c>
      <c r="G26" s="13"/>
    </row>
    <row r="27" spans="2:7" x14ac:dyDescent="0.3">
      <c r="B27" s="8">
        <v>5</v>
      </c>
      <c r="C27" s="9" t="s">
        <v>12</v>
      </c>
      <c r="D27" s="10"/>
      <c r="E27" s="11"/>
      <c r="F27" s="12">
        <v>0</v>
      </c>
      <c r="G27" s="13"/>
    </row>
    <row r="28" spans="2:7" x14ac:dyDescent="0.3">
      <c r="B28" s="8">
        <v>6</v>
      </c>
      <c r="C28" s="9" t="s">
        <v>13</v>
      </c>
      <c r="D28" s="10"/>
      <c r="E28" s="11"/>
      <c r="F28" s="12">
        <v>0</v>
      </c>
      <c r="G28" s="13"/>
    </row>
    <row r="29" spans="2:7" x14ac:dyDescent="0.3">
      <c r="B29" s="8">
        <v>7</v>
      </c>
      <c r="C29" s="9" t="s">
        <v>18</v>
      </c>
      <c r="D29" s="10"/>
      <c r="E29" s="11"/>
      <c r="F29" s="12">
        <v>0</v>
      </c>
      <c r="G29" s="13"/>
    </row>
    <row r="30" spans="2:7" x14ac:dyDescent="0.3">
      <c r="B30" s="8">
        <v>8</v>
      </c>
      <c r="C30" s="9" t="s">
        <v>19</v>
      </c>
      <c r="D30" s="10"/>
      <c r="E30" s="11"/>
      <c r="F30" s="12">
        <v>0</v>
      </c>
      <c r="G30" s="13"/>
    </row>
    <row r="31" spans="2:7" x14ac:dyDescent="0.3">
      <c r="B31" s="8">
        <v>9</v>
      </c>
      <c r="C31" s="9" t="s">
        <v>14</v>
      </c>
      <c r="D31" s="10"/>
      <c r="E31" s="11"/>
      <c r="F31" s="12">
        <v>0</v>
      </c>
      <c r="G31" s="13"/>
    </row>
    <row r="32" spans="2:7" x14ac:dyDescent="0.3">
      <c r="B32" s="8">
        <v>10</v>
      </c>
      <c r="C32" s="9" t="s">
        <v>15</v>
      </c>
      <c r="D32" s="10"/>
      <c r="E32" s="11"/>
      <c r="F32" s="12">
        <v>0</v>
      </c>
      <c r="G32" s="13"/>
    </row>
    <row r="33" spans="2:7" x14ac:dyDescent="0.3">
      <c r="B33" s="14"/>
      <c r="C33" s="14"/>
      <c r="F33" s="2" t="s">
        <v>16</v>
      </c>
      <c r="G33" s="15">
        <f>SUM(G23:G32)</f>
        <v>0</v>
      </c>
    </row>
    <row r="34" spans="2:7" x14ac:dyDescent="0.3">
      <c r="B34" s="14"/>
      <c r="C34" s="14"/>
      <c r="G34" s="14"/>
    </row>
    <row r="35" spans="2:7" x14ac:dyDescent="0.3">
      <c r="B35" s="16" t="s">
        <v>20</v>
      </c>
      <c r="C35" s="14"/>
      <c r="F35" s="17"/>
      <c r="G35" s="14"/>
    </row>
    <row r="36" spans="2:7" x14ac:dyDescent="0.3">
      <c r="B36" s="6" t="s">
        <v>2</v>
      </c>
      <c r="C36" s="6" t="s">
        <v>21</v>
      </c>
      <c r="D36" s="7" t="s">
        <v>4</v>
      </c>
      <c r="E36" s="6" t="s">
        <v>5</v>
      </c>
      <c r="F36" s="7" t="s">
        <v>6</v>
      </c>
      <c r="G36" s="6" t="s">
        <v>7</v>
      </c>
    </row>
    <row r="37" spans="2:7" x14ac:dyDescent="0.3">
      <c r="B37" s="8">
        <v>1</v>
      </c>
      <c r="C37" s="9" t="s">
        <v>22</v>
      </c>
      <c r="D37" s="10"/>
      <c r="E37" s="11"/>
      <c r="F37" s="12">
        <v>0</v>
      </c>
      <c r="G37" s="13"/>
    </row>
    <row r="38" spans="2:7" x14ac:dyDescent="0.3">
      <c r="B38" s="8">
        <v>2</v>
      </c>
      <c r="C38" s="9" t="s">
        <v>23</v>
      </c>
      <c r="D38" s="10"/>
      <c r="E38" s="11"/>
      <c r="F38" s="12">
        <v>0</v>
      </c>
      <c r="G38" s="13"/>
    </row>
    <row r="39" spans="2:7" x14ac:dyDescent="0.3">
      <c r="B39" s="8">
        <v>3</v>
      </c>
      <c r="C39" s="9" t="s">
        <v>24</v>
      </c>
      <c r="D39" s="10"/>
      <c r="E39" s="11"/>
      <c r="F39" s="12">
        <v>0</v>
      </c>
      <c r="G39" s="13"/>
    </row>
    <row r="40" spans="2:7" x14ac:dyDescent="0.3">
      <c r="B40" s="8">
        <v>4</v>
      </c>
      <c r="C40" s="9" t="s">
        <v>25</v>
      </c>
      <c r="D40" s="10"/>
      <c r="E40" s="11"/>
      <c r="F40" s="12">
        <v>0</v>
      </c>
      <c r="G40" s="13"/>
    </row>
    <row r="41" spans="2:7" x14ac:dyDescent="0.3">
      <c r="B41" s="8">
        <v>5</v>
      </c>
      <c r="C41" s="9" t="s">
        <v>26</v>
      </c>
      <c r="D41" s="10"/>
      <c r="E41" s="11"/>
      <c r="F41" s="12">
        <v>0</v>
      </c>
      <c r="G41" s="13"/>
    </row>
    <row r="42" spans="2:7" x14ac:dyDescent="0.3">
      <c r="B42" s="8">
        <v>6</v>
      </c>
      <c r="C42" s="9" t="s">
        <v>27</v>
      </c>
      <c r="D42" s="10"/>
      <c r="E42" s="11"/>
      <c r="F42" s="12">
        <v>0</v>
      </c>
      <c r="G42" s="13"/>
    </row>
    <row r="43" spans="2:7" x14ac:dyDescent="0.3">
      <c r="B43" s="8">
        <v>7</v>
      </c>
      <c r="C43" s="9" t="s">
        <v>28</v>
      </c>
      <c r="D43" s="10"/>
      <c r="E43" s="11"/>
      <c r="F43" s="12">
        <v>0</v>
      </c>
      <c r="G43" s="13"/>
    </row>
    <row r="44" spans="2:7" x14ac:dyDescent="0.3">
      <c r="B44" s="8">
        <v>8</v>
      </c>
      <c r="C44" s="9" t="s">
        <v>29</v>
      </c>
      <c r="D44" s="10"/>
      <c r="E44" s="11"/>
      <c r="F44" s="12">
        <v>0</v>
      </c>
      <c r="G44" s="13"/>
    </row>
    <row r="45" spans="2:7" x14ac:dyDescent="0.3">
      <c r="B45" s="8">
        <v>9</v>
      </c>
      <c r="C45" s="9" t="s">
        <v>30</v>
      </c>
      <c r="D45" s="10"/>
      <c r="E45" s="11"/>
      <c r="F45" s="12">
        <v>0</v>
      </c>
      <c r="G45" s="13"/>
    </row>
    <row r="46" spans="2:7" x14ac:dyDescent="0.3">
      <c r="B46" s="8">
        <v>10</v>
      </c>
      <c r="C46" s="9" t="s">
        <v>31</v>
      </c>
      <c r="D46" s="10"/>
      <c r="E46" s="11"/>
      <c r="F46" s="12">
        <v>0</v>
      </c>
      <c r="G46" s="13"/>
    </row>
    <row r="47" spans="2:7" x14ac:dyDescent="0.3">
      <c r="B47" s="8">
        <v>11</v>
      </c>
      <c r="C47" s="9" t="s">
        <v>32</v>
      </c>
      <c r="D47" s="10"/>
      <c r="E47" s="11"/>
      <c r="F47" s="12">
        <v>0</v>
      </c>
      <c r="G47" s="13"/>
    </row>
    <row r="48" spans="2:7" x14ac:dyDescent="0.3">
      <c r="B48" s="8">
        <v>12</v>
      </c>
      <c r="C48" s="9" t="s">
        <v>33</v>
      </c>
      <c r="D48" s="10"/>
      <c r="E48" s="11"/>
      <c r="F48" s="12">
        <v>0</v>
      </c>
      <c r="G48" s="13"/>
    </row>
    <row r="49" spans="2:7" x14ac:dyDescent="0.3">
      <c r="B49" s="14"/>
      <c r="C49" s="14"/>
      <c r="F49" s="2" t="s">
        <v>7</v>
      </c>
      <c r="G49" s="15">
        <f>SUM(G37:G48)</f>
        <v>0</v>
      </c>
    </row>
  </sheetData>
  <pageMargins left="0.7" right="0.7" top="0.75" bottom="0.75" header="0.3" footer="0.3"/>
  <pageSetup paperSize="9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roslav Cvijić</dc:creator>
  <cp:lastModifiedBy>Nataša Urač</cp:lastModifiedBy>
  <cp:lastPrinted>2025-10-28T10:23:23Z</cp:lastPrinted>
  <dcterms:created xsi:type="dcterms:W3CDTF">2019-10-28T08:21:04Z</dcterms:created>
  <dcterms:modified xsi:type="dcterms:W3CDTF">2025-10-28T10:23:33Z</dcterms:modified>
</cp:coreProperties>
</file>